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6A768322-8456-49BD-AD08-B5DC5D37CB26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4" r:id="rId1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2" uniqueCount="81">
  <si>
    <t>事業開始年月日</t>
    <rPh sb="0" eb="2">
      <t>ジギョウ</t>
    </rPh>
    <rPh sb="2" eb="4">
      <t>カイシ</t>
    </rPh>
    <rPh sb="4" eb="7">
      <t>ネンガッピ</t>
    </rPh>
    <phoneticPr fontId="2"/>
  </si>
  <si>
    <t>建物面積(㎡)</t>
    <rPh sb="0" eb="2">
      <t>タテモノ</t>
    </rPh>
    <rPh sb="2" eb="4">
      <t>メンセキ</t>
    </rPh>
    <phoneticPr fontId="2"/>
  </si>
  <si>
    <t>総建設費(千円)</t>
    <rPh sb="0" eb="1">
      <t>ソウ</t>
    </rPh>
    <rPh sb="1" eb="4">
      <t>ケンセツヒ</t>
    </rPh>
    <rPh sb="5" eb="7">
      <t>センエン</t>
    </rPh>
    <phoneticPr fontId="2"/>
  </si>
  <si>
    <t>施設面積(㎡)</t>
    <rPh sb="0" eb="2">
      <t>シセツ</t>
    </rPh>
    <rPh sb="2" eb="4">
      <t>メンセキ</t>
    </rPh>
    <phoneticPr fontId="2"/>
  </si>
  <si>
    <t>客室数(室)</t>
    <rPh sb="0" eb="3">
      <t>キャクシツスウ</t>
    </rPh>
    <rPh sb="4" eb="5">
      <t>シツ</t>
    </rPh>
    <phoneticPr fontId="2"/>
  </si>
  <si>
    <t>宿泊定員数(人)</t>
    <rPh sb="0" eb="2">
      <t>シュクハク</t>
    </rPh>
    <rPh sb="2" eb="5">
      <t>テイインスウ</t>
    </rPh>
    <rPh sb="6" eb="7">
      <t>ニン</t>
    </rPh>
    <phoneticPr fontId="2"/>
  </si>
  <si>
    <t>年間利用状況(人)</t>
    <rPh sb="0" eb="2">
      <t>ネンカン</t>
    </rPh>
    <rPh sb="2" eb="4">
      <t>リヨウ</t>
    </rPh>
    <rPh sb="4" eb="6">
      <t>ジョウキョウ</t>
    </rPh>
    <rPh sb="7" eb="8">
      <t>ニン</t>
    </rPh>
    <phoneticPr fontId="2"/>
  </si>
  <si>
    <t>延宿泊者数</t>
    <rPh sb="0" eb="1">
      <t>ノベ</t>
    </rPh>
    <rPh sb="1" eb="4">
      <t>シュクハクシャ</t>
    </rPh>
    <rPh sb="4" eb="5">
      <t>スウ</t>
    </rPh>
    <phoneticPr fontId="2"/>
  </si>
  <si>
    <t>延休憩利用者数</t>
    <rPh sb="0" eb="1">
      <t>ノベ</t>
    </rPh>
    <rPh sb="1" eb="3">
      <t>キュウケイ</t>
    </rPh>
    <rPh sb="3" eb="5">
      <t>リヨウ</t>
    </rPh>
    <rPh sb="5" eb="6">
      <t>シャ</t>
    </rPh>
    <rPh sb="6" eb="7">
      <t>スウ</t>
    </rPh>
    <phoneticPr fontId="2"/>
  </si>
  <si>
    <t>その他</t>
    <rPh sb="2" eb="3">
      <t>タ</t>
    </rPh>
    <phoneticPr fontId="2"/>
  </si>
  <si>
    <t>職員数(人)</t>
    <rPh sb="0" eb="3">
      <t>ショクインスウ</t>
    </rPh>
    <rPh sb="4" eb="5">
      <t>ニン</t>
    </rPh>
    <phoneticPr fontId="2"/>
  </si>
  <si>
    <t>損益勘定所属職員</t>
    <rPh sb="0" eb="2">
      <t>ソンエキ</t>
    </rPh>
    <rPh sb="2" eb="4">
      <t>カンジョウ</t>
    </rPh>
    <rPh sb="4" eb="6">
      <t>ショゾク</t>
    </rPh>
    <rPh sb="6" eb="8">
      <t>ショクイン</t>
    </rPh>
    <phoneticPr fontId="2"/>
  </si>
  <si>
    <t>資本勘定所属職員</t>
    <rPh sb="0" eb="2">
      <t>シホン</t>
    </rPh>
    <rPh sb="2" eb="4">
      <t>カンジョウ</t>
    </rPh>
    <rPh sb="4" eb="6">
      <t>ショゾク</t>
    </rPh>
    <rPh sb="6" eb="8">
      <t>ショクイン</t>
    </rPh>
    <phoneticPr fontId="2"/>
  </si>
  <si>
    <t/>
  </si>
  <si>
    <t>神川町</t>
    <phoneticPr fontId="2"/>
  </si>
  <si>
    <t>職員給与費</t>
    <rPh sb="0" eb="2">
      <t>ショクイン</t>
    </rPh>
    <rPh sb="2" eb="4">
      <t>キュウヨ</t>
    </rPh>
    <rPh sb="4" eb="5">
      <t>ヒ</t>
    </rPh>
    <phoneticPr fontId="2"/>
  </si>
  <si>
    <t>支払利息</t>
    <rPh sb="0" eb="2">
      <t>シハライ</t>
    </rPh>
    <rPh sb="2" eb="4">
      <t>リソク</t>
    </rPh>
    <phoneticPr fontId="2"/>
  </si>
  <si>
    <t>受託工事費</t>
    <rPh sb="0" eb="2">
      <t>ジュタク</t>
    </rPh>
    <rPh sb="2" eb="5">
      <t>コウジヒ</t>
    </rPh>
    <phoneticPr fontId="2"/>
  </si>
  <si>
    <t>収益的収支</t>
    <rPh sb="0" eb="3">
      <t>シュウエキテキ</t>
    </rPh>
    <rPh sb="3" eb="5">
      <t>シュウシ</t>
    </rPh>
    <phoneticPr fontId="2"/>
  </si>
  <si>
    <t>総収益 (B)+(C) (A)</t>
    <rPh sb="0" eb="3">
      <t>ソウシュウエキ</t>
    </rPh>
    <phoneticPr fontId="2"/>
  </si>
  <si>
    <t>営業収益 (B)</t>
    <rPh sb="0" eb="2">
      <t>エイギョウ</t>
    </rPh>
    <rPh sb="2" eb="4">
      <t>シュウエキ</t>
    </rPh>
    <phoneticPr fontId="2"/>
  </si>
  <si>
    <t>料金収入</t>
    <rPh sb="0" eb="2">
      <t>リョウキン</t>
    </rPh>
    <rPh sb="2" eb="4">
      <t>シュウニュウ</t>
    </rPh>
    <phoneticPr fontId="2"/>
  </si>
  <si>
    <t>受託工事収益</t>
    <rPh sb="0" eb="2">
      <t>ジュタク</t>
    </rPh>
    <rPh sb="2" eb="4">
      <t>コウジ</t>
    </rPh>
    <rPh sb="4" eb="6">
      <t>シュウエキ</t>
    </rPh>
    <phoneticPr fontId="2"/>
  </si>
  <si>
    <t>営業外収益 (C)</t>
    <rPh sb="0" eb="3">
      <t>エイギョウガイ</t>
    </rPh>
    <rPh sb="3" eb="5">
      <t>シュウエキ</t>
    </rPh>
    <phoneticPr fontId="2"/>
  </si>
  <si>
    <t>国庫補助金</t>
    <rPh sb="0" eb="2">
      <t>コッコ</t>
    </rPh>
    <rPh sb="2" eb="5">
      <t>ホジョキン</t>
    </rPh>
    <phoneticPr fontId="2"/>
  </si>
  <si>
    <t>県補助金</t>
    <rPh sb="0" eb="1">
      <t>ケン</t>
    </rPh>
    <rPh sb="1" eb="4">
      <t>ホジョキン</t>
    </rPh>
    <phoneticPr fontId="2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2"/>
  </si>
  <si>
    <t>総費用 (E)+(F) (D)</t>
    <rPh sb="0" eb="3">
      <t>ソウヒヨウ</t>
    </rPh>
    <phoneticPr fontId="2"/>
  </si>
  <si>
    <t>営業費用 (E)</t>
    <rPh sb="0" eb="2">
      <t>エイギョウ</t>
    </rPh>
    <rPh sb="2" eb="4">
      <t>ヒヨウ</t>
    </rPh>
    <phoneticPr fontId="2"/>
  </si>
  <si>
    <t>営業外費用 (F)</t>
    <rPh sb="0" eb="3">
      <t>エイギョウガイ</t>
    </rPh>
    <rPh sb="3" eb="5">
      <t>ヒヨウ</t>
    </rPh>
    <phoneticPr fontId="2"/>
  </si>
  <si>
    <t>地方債利息</t>
    <rPh sb="0" eb="3">
      <t>チホウサイ</t>
    </rPh>
    <rPh sb="3" eb="5">
      <t>リソク</t>
    </rPh>
    <phoneticPr fontId="2"/>
  </si>
  <si>
    <t>収支差引 (A)-(D) (G)</t>
    <rPh sb="0" eb="2">
      <t>シュウシ</t>
    </rPh>
    <rPh sb="2" eb="4">
      <t>サシヒキ</t>
    </rPh>
    <phoneticPr fontId="2"/>
  </si>
  <si>
    <t>資本的収支</t>
    <rPh sb="0" eb="3">
      <t>シホンテキ</t>
    </rPh>
    <rPh sb="3" eb="5">
      <t>シュウシ</t>
    </rPh>
    <phoneticPr fontId="2"/>
  </si>
  <si>
    <t>資本的収入 (H)</t>
    <rPh sb="0" eb="3">
      <t>シホンテキ</t>
    </rPh>
    <rPh sb="3" eb="5">
      <t>シュウニュウ</t>
    </rPh>
    <phoneticPr fontId="2"/>
  </si>
  <si>
    <t>地方債</t>
    <rPh sb="0" eb="3">
      <t>チホウサイ</t>
    </rPh>
    <phoneticPr fontId="2"/>
  </si>
  <si>
    <t>他会計出資金</t>
    <rPh sb="0" eb="1">
      <t>タ</t>
    </rPh>
    <rPh sb="1" eb="3">
      <t>カイケイ</t>
    </rPh>
    <rPh sb="3" eb="6">
      <t>シュッシキン</t>
    </rPh>
    <phoneticPr fontId="2"/>
  </si>
  <si>
    <t>他会計補助金</t>
    <rPh sb="0" eb="1">
      <t>タ</t>
    </rPh>
    <rPh sb="1" eb="3">
      <t>カイケイ</t>
    </rPh>
    <rPh sb="3" eb="6">
      <t>ホジョキン</t>
    </rPh>
    <phoneticPr fontId="2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2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2"/>
  </si>
  <si>
    <t>工事負担金</t>
    <rPh sb="0" eb="2">
      <t>コウジ</t>
    </rPh>
    <rPh sb="2" eb="5">
      <t>フタンキン</t>
    </rPh>
    <phoneticPr fontId="2"/>
  </si>
  <si>
    <t>資本的支出 (I)</t>
    <rPh sb="0" eb="3">
      <t>シホンテキ</t>
    </rPh>
    <rPh sb="3" eb="5">
      <t>シシュツ</t>
    </rPh>
    <phoneticPr fontId="2"/>
  </si>
  <si>
    <t>建設改良費</t>
    <rPh sb="0" eb="2">
      <t>ケンセツ</t>
    </rPh>
    <rPh sb="2" eb="4">
      <t>カイリョウ</t>
    </rPh>
    <rPh sb="4" eb="5">
      <t>ヒ</t>
    </rPh>
    <phoneticPr fontId="2"/>
  </si>
  <si>
    <t>建設利息</t>
    <rPh sb="0" eb="2">
      <t>ケンセツ</t>
    </rPh>
    <rPh sb="2" eb="4">
      <t>リソク</t>
    </rPh>
    <phoneticPr fontId="2"/>
  </si>
  <si>
    <t>地方債償還金 (J)</t>
    <rPh sb="0" eb="3">
      <t>チホウサイ</t>
    </rPh>
    <rPh sb="3" eb="6">
      <t>ショウカンキン</t>
    </rPh>
    <phoneticPr fontId="2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2"/>
  </si>
  <si>
    <t>収支差引 (H)-(I) (K)</t>
    <rPh sb="0" eb="2">
      <t>シュウシ</t>
    </rPh>
    <rPh sb="2" eb="4">
      <t>サシヒキ</t>
    </rPh>
    <phoneticPr fontId="2"/>
  </si>
  <si>
    <t>収支再差引 (G)+(K) (L)</t>
    <rPh sb="0" eb="2">
      <t>シュウシ</t>
    </rPh>
    <rPh sb="2" eb="3">
      <t>サイ</t>
    </rPh>
    <rPh sb="3" eb="5">
      <t>サシヒキ</t>
    </rPh>
    <phoneticPr fontId="2"/>
  </si>
  <si>
    <t>積立金 (M)</t>
    <rPh sb="0" eb="2">
      <t>ツミタテ</t>
    </rPh>
    <rPh sb="2" eb="3">
      <t>キン</t>
    </rPh>
    <phoneticPr fontId="2"/>
  </si>
  <si>
    <t>前年度からの繰越金 (N)</t>
    <rPh sb="0" eb="3">
      <t>ゼンネンド</t>
    </rPh>
    <rPh sb="6" eb="8">
      <t>クリコシ</t>
    </rPh>
    <rPh sb="8" eb="9">
      <t>キン</t>
    </rPh>
    <phoneticPr fontId="2"/>
  </si>
  <si>
    <t>うち地方債</t>
    <rPh sb="2" eb="5">
      <t>チホウサイ</t>
    </rPh>
    <phoneticPr fontId="2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2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2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2"/>
  </si>
  <si>
    <t>形式収支 (L)-(M)+(N)-(O)+(X)+(Y) (P)</t>
    <rPh sb="0" eb="2">
      <t>ケイシキ</t>
    </rPh>
    <rPh sb="2" eb="4">
      <t>シュウシ</t>
    </rPh>
    <phoneticPr fontId="2"/>
  </si>
  <si>
    <t>未収入特定財源</t>
    <rPh sb="0" eb="3">
      <t>ミシュウニュウ</t>
    </rPh>
    <rPh sb="3" eb="5">
      <t>トクテイ</t>
    </rPh>
    <rPh sb="5" eb="7">
      <t>ザイゲン</t>
    </rPh>
    <phoneticPr fontId="2"/>
  </si>
  <si>
    <t>国庫（県）支出金</t>
    <rPh sb="0" eb="2">
      <t>コッコ</t>
    </rPh>
    <rPh sb="3" eb="4">
      <t>ケン</t>
    </rPh>
    <rPh sb="5" eb="8">
      <t>シシュツキン</t>
    </rPh>
    <phoneticPr fontId="2"/>
  </si>
  <si>
    <t>翌年度に繰越すべき財源 (Q)</t>
    <rPh sb="0" eb="3">
      <t>ヨクネンド</t>
    </rPh>
    <rPh sb="4" eb="6">
      <t>クリコ</t>
    </rPh>
    <rPh sb="9" eb="11">
      <t>ザイゲン</t>
    </rPh>
    <phoneticPr fontId="2"/>
  </si>
  <si>
    <t>実質収支
(P)-(Q)</t>
    <rPh sb="0" eb="2">
      <t>ジッシツ</t>
    </rPh>
    <rPh sb="2" eb="4">
      <t>シュウシ</t>
    </rPh>
    <phoneticPr fontId="2"/>
  </si>
  <si>
    <t>黒字</t>
    <rPh sb="0" eb="2">
      <t>クロジ</t>
    </rPh>
    <phoneticPr fontId="2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2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2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2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2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その他借入金利息</t>
    <rPh sb="2" eb="3">
      <t>タ</t>
    </rPh>
    <rPh sb="3" eb="5">
      <t>カリイレ</t>
    </rPh>
    <rPh sb="5" eb="6">
      <t>キン</t>
    </rPh>
    <rPh sb="6" eb="8">
      <t>リソク</t>
    </rPh>
    <phoneticPr fontId="2"/>
  </si>
  <si>
    <t>　</t>
    <phoneticPr fontId="1"/>
  </si>
  <si>
    <t>地方債現在高</t>
    <rPh sb="0" eb="2">
      <t>チホウ</t>
    </rPh>
    <rPh sb="2" eb="3">
      <t>サイ</t>
    </rPh>
    <rPh sb="3" eb="6">
      <t>ゲンザイダカ</t>
    </rPh>
    <phoneticPr fontId="2"/>
  </si>
  <si>
    <t>　　　　　　　　　　　　　団体名
　区分</t>
    <rPh sb="13" eb="15">
      <t>ダンタイ</t>
    </rPh>
    <rPh sb="15" eb="16">
      <t>メイ</t>
    </rPh>
    <rPh sb="18" eb="20">
      <t>クブン</t>
    </rPh>
    <phoneticPr fontId="1"/>
  </si>
  <si>
    <t>　　　　　　　　　　　　団体名
　区分　　　　　　　　　　　　　　</t>
    <rPh sb="12" eb="14">
      <t>ダンタイ</t>
    </rPh>
    <rPh sb="14" eb="15">
      <t>メイ</t>
    </rPh>
    <rPh sb="17" eb="19">
      <t>クブン</t>
    </rPh>
    <phoneticPr fontId="2"/>
  </si>
  <si>
    <t>繰上充用金</t>
    <rPh sb="0" eb="2">
      <t>クリアゲ</t>
    </rPh>
    <rPh sb="2" eb="4">
      <t>ジュウヨウ</t>
    </rPh>
    <rPh sb="4" eb="5">
      <t>キン</t>
    </rPh>
    <phoneticPr fontId="2"/>
  </si>
  <si>
    <t>休憩利用者消費額(千円)(税込)</t>
    <rPh sb="0" eb="2">
      <t>キュウケイ</t>
    </rPh>
    <rPh sb="2" eb="5">
      <t>リヨウシャ</t>
    </rPh>
    <rPh sb="5" eb="8">
      <t>ショウヒガク</t>
    </rPh>
    <phoneticPr fontId="2"/>
  </si>
  <si>
    <t>宿泊利用者消費額(千円)(税込)</t>
    <rPh sb="0" eb="2">
      <t>シュクハク</t>
    </rPh>
    <rPh sb="2" eb="5">
      <t>リヨウシャ</t>
    </rPh>
    <rPh sb="5" eb="8">
      <t>ショウヒガク</t>
    </rPh>
    <phoneticPr fontId="2"/>
  </si>
  <si>
    <t>財政融資資金</t>
    <rPh sb="0" eb="2">
      <t>ザイセイ</t>
    </rPh>
    <rPh sb="2" eb="4">
      <t>ユウシ</t>
    </rPh>
    <rPh sb="4" eb="6">
      <t>シキン</t>
    </rPh>
    <phoneticPr fontId="2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1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2"/>
  </si>
  <si>
    <t>客単価(円)
(税込み)</t>
    <rPh sb="0" eb="3">
      <t>キャクタンカ</t>
    </rPh>
    <rPh sb="4" eb="5">
      <t>エン</t>
    </rPh>
    <phoneticPr fontId="2"/>
  </si>
  <si>
    <t>宿泊</t>
    <rPh sb="0" eb="2">
      <t>シュクハク</t>
    </rPh>
    <phoneticPr fontId="2"/>
  </si>
  <si>
    <t>休憩</t>
    <rPh sb="0" eb="2">
      <t>キュウケイ</t>
    </rPh>
    <phoneticPr fontId="2"/>
  </si>
  <si>
    <t>赤字</t>
    <rPh sb="0" eb="2">
      <t>アカジ</t>
    </rPh>
    <phoneticPr fontId="2"/>
  </si>
  <si>
    <t>S48.04.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;&quot;△ &quot;#,##0_ "/>
    <numFmt numFmtId="177" formatCode="#,##0.0_ ;&quot;△ &quot;#,##0.0_ "/>
    <numFmt numFmtId="178" formatCode="&quot;▲&quot;#,##0_ ;#,##0_ "/>
  </numFmts>
  <fonts count="7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7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4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</borders>
  <cellStyleXfs count="3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4" fillId="0" borderId="0">
      <alignment vertical="center"/>
    </xf>
  </cellStyleXfs>
  <cellXfs count="80">
    <xf numFmtId="0" fontId="0" fillId="0" borderId="0" xfId="0">
      <alignment vertical="center"/>
    </xf>
    <xf numFmtId="0" fontId="3" fillId="0" borderId="0" xfId="0" applyFont="1">
      <alignment vertical="center"/>
    </xf>
    <xf numFmtId="38" fontId="3" fillId="0" borderId="7" xfId="1" applyFont="1" applyFill="1" applyBorder="1" applyAlignment="1">
      <alignment horizontal="center" vertical="center"/>
    </xf>
    <xf numFmtId="0" fontId="6" fillId="0" borderId="0" xfId="0" applyFont="1">
      <alignment vertical="center"/>
    </xf>
    <xf numFmtId="38" fontId="3" fillId="0" borderId="8" xfId="1" applyFont="1" applyFill="1" applyBorder="1" applyAlignment="1">
      <alignment horizontal="center" vertical="center"/>
    </xf>
    <xf numFmtId="176" fontId="3" fillId="0" borderId="9" xfId="1" applyNumberFormat="1" applyFont="1" applyFill="1" applyBorder="1" applyAlignment="1">
      <alignment horizontal="center" vertical="center"/>
    </xf>
    <xf numFmtId="176" fontId="3" fillId="0" borderId="9" xfId="1" applyNumberFormat="1" applyFont="1" applyFill="1" applyBorder="1" applyAlignment="1">
      <alignment horizontal="right" vertical="center"/>
    </xf>
    <xf numFmtId="176" fontId="3" fillId="0" borderId="10" xfId="1" applyNumberFormat="1" applyFont="1" applyFill="1" applyBorder="1" applyAlignment="1">
      <alignment horizontal="right" vertical="center"/>
    </xf>
    <xf numFmtId="38" fontId="3" fillId="0" borderId="0" xfId="1" applyFont="1">
      <alignment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13" xfId="1" applyNumberFormat="1" applyFont="1" applyFill="1" applyBorder="1" applyAlignment="1">
      <alignment horizontal="right" vertical="center"/>
    </xf>
    <xf numFmtId="0" fontId="6" fillId="0" borderId="0" xfId="0" applyFont="1" applyAlignment="1">
      <alignment horizontal="right" vertical="center"/>
    </xf>
    <xf numFmtId="178" fontId="3" fillId="0" borderId="9" xfId="1" applyNumberFormat="1" applyFont="1" applyFill="1" applyBorder="1" applyAlignment="1">
      <alignment horizontal="right" vertical="center"/>
    </xf>
    <xf numFmtId="0" fontId="3" fillId="0" borderId="3" xfId="0" applyFont="1" applyBorder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11" xfId="0" applyFont="1" applyBorder="1">
      <alignment vertical="center"/>
    </xf>
    <xf numFmtId="176" fontId="6" fillId="0" borderId="0" xfId="0" applyNumberFormat="1" applyFont="1">
      <alignment vertical="center"/>
    </xf>
    <xf numFmtId="177" fontId="6" fillId="0" borderId="0" xfId="0" applyNumberFormat="1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4" xfId="0" applyFont="1" applyBorder="1" applyAlignment="1">
      <alignment horizontal="left" vertical="center"/>
    </xf>
    <xf numFmtId="0" fontId="3" fillId="0" borderId="12" xfId="0" applyFont="1" applyBorder="1">
      <alignment vertical="center"/>
    </xf>
    <xf numFmtId="0" fontId="3" fillId="0" borderId="38" xfId="0" applyFont="1" applyBorder="1" applyAlignment="1">
      <alignment vertical="center" wrapText="1"/>
    </xf>
    <xf numFmtId="0" fontId="0" fillId="0" borderId="39" xfId="0" applyBorder="1">
      <alignment vertical="center"/>
    </xf>
    <xf numFmtId="0" fontId="0" fillId="0" borderId="42" xfId="0" applyBorder="1">
      <alignment vertical="center"/>
    </xf>
    <xf numFmtId="0" fontId="0" fillId="0" borderId="40" xfId="0" applyBorder="1">
      <alignment vertical="center"/>
    </xf>
    <xf numFmtId="0" fontId="0" fillId="0" borderId="41" xfId="0" applyBorder="1">
      <alignment vertical="center"/>
    </xf>
    <xf numFmtId="0" fontId="0" fillId="0" borderId="43" xfId="0" applyBorder="1">
      <alignment vertical="center"/>
    </xf>
    <xf numFmtId="0" fontId="3" fillId="0" borderId="34" xfId="0" applyFont="1" applyBorder="1" applyAlignment="1">
      <alignment horizontal="center" vertical="center" textRotation="255"/>
    </xf>
    <xf numFmtId="0" fontId="3" fillId="0" borderId="33" xfId="0" applyFont="1" applyBorder="1" applyAlignment="1">
      <alignment horizontal="center" vertical="center" textRotation="255"/>
    </xf>
    <xf numFmtId="0" fontId="3" fillId="0" borderId="25" xfId="0" applyFont="1" applyBorder="1" applyAlignment="1">
      <alignment horizontal="center" vertical="center" textRotation="255"/>
    </xf>
    <xf numFmtId="0" fontId="3" fillId="0" borderId="35" xfId="0" applyFont="1" applyBorder="1" applyAlignment="1">
      <alignment horizontal="left" vertical="center"/>
    </xf>
    <xf numFmtId="0" fontId="3" fillId="0" borderId="36" xfId="0" applyFont="1" applyBorder="1" applyAlignment="1">
      <alignment horizontal="left" vertical="center"/>
    </xf>
    <xf numFmtId="0" fontId="3" fillId="0" borderId="17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6" fillId="0" borderId="20" xfId="0" applyFont="1" applyBorder="1" applyAlignment="1">
      <alignment horizontal="left" vertical="center"/>
    </xf>
    <xf numFmtId="0" fontId="3" fillId="0" borderId="16" xfId="0" applyFont="1" applyBorder="1" applyAlignment="1">
      <alignment horizontal="left" vertical="center"/>
    </xf>
    <xf numFmtId="0" fontId="3" fillId="0" borderId="20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3" fillId="0" borderId="23" xfId="0" applyFont="1" applyBorder="1" applyAlignment="1">
      <alignment horizontal="left" vertical="center"/>
    </xf>
    <xf numFmtId="0" fontId="3" fillId="0" borderId="38" xfId="0" applyFont="1" applyBorder="1" applyAlignment="1">
      <alignment horizontal="left" vertical="center" wrapText="1"/>
    </xf>
    <xf numFmtId="0" fontId="3" fillId="0" borderId="39" xfId="0" applyFont="1" applyBorder="1" applyAlignment="1">
      <alignment horizontal="left" vertical="center" wrapText="1"/>
    </xf>
    <xf numFmtId="0" fontId="3" fillId="0" borderId="42" xfId="0" applyFont="1" applyBorder="1" applyAlignment="1">
      <alignment horizontal="left" vertical="center" wrapText="1"/>
    </xf>
    <xf numFmtId="0" fontId="3" fillId="0" borderId="40" xfId="0" applyFont="1" applyBorder="1" applyAlignment="1">
      <alignment horizontal="left" vertical="center" wrapText="1"/>
    </xf>
    <xf numFmtId="0" fontId="3" fillId="0" borderId="41" xfId="0" applyFont="1" applyBorder="1" applyAlignment="1">
      <alignment horizontal="left" vertical="center" wrapText="1"/>
    </xf>
    <xf numFmtId="0" fontId="3" fillId="0" borderId="43" xfId="0" applyFont="1" applyBorder="1" applyAlignment="1">
      <alignment horizontal="left" vertical="center" wrapText="1"/>
    </xf>
    <xf numFmtId="0" fontId="3" fillId="0" borderId="14" xfId="0" applyFont="1" applyBorder="1" applyAlignment="1">
      <alignment horizontal="left" vertical="center"/>
    </xf>
    <xf numFmtId="0" fontId="3" fillId="0" borderId="24" xfId="0" applyFont="1" applyBorder="1" applyAlignment="1">
      <alignment horizontal="left" vertical="center"/>
    </xf>
    <xf numFmtId="0" fontId="3" fillId="0" borderId="24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37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left" vertical="center" shrinkToFit="1"/>
    </xf>
    <xf numFmtId="0" fontId="3" fillId="0" borderId="15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32" xfId="0" applyFont="1" applyBorder="1" applyAlignment="1">
      <alignment horizontal="center" vertical="center" textRotation="255"/>
    </xf>
    <xf numFmtId="0" fontId="3" fillId="0" borderId="20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15" xfId="0" applyFont="1" applyBorder="1" applyAlignment="1">
      <alignment vertical="center" shrinkToFit="1"/>
    </xf>
    <xf numFmtId="0" fontId="3" fillId="0" borderId="16" xfId="0" applyFont="1" applyBorder="1" applyAlignment="1">
      <alignment vertical="center" shrinkToFit="1"/>
    </xf>
    <xf numFmtId="0" fontId="3" fillId="0" borderId="18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textRotation="255" wrapText="1"/>
    </xf>
    <xf numFmtId="0" fontId="3" fillId="0" borderId="26" xfId="0" applyFont="1" applyBorder="1" applyAlignment="1">
      <alignment horizontal="center" vertical="center" textRotation="255"/>
    </xf>
    <xf numFmtId="0" fontId="3" fillId="0" borderId="27" xfId="0" applyFont="1" applyBorder="1" applyAlignment="1">
      <alignment horizontal="center" vertical="center" textRotation="255"/>
    </xf>
    <xf numFmtId="0" fontId="3" fillId="0" borderId="28" xfId="0" applyFont="1" applyBorder="1" applyAlignment="1">
      <alignment horizontal="center" vertical="center" textRotation="255"/>
    </xf>
    <xf numFmtId="0" fontId="3" fillId="0" borderId="26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28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22" xfId="0" applyFont="1" applyBorder="1" applyAlignment="1">
      <alignment horizontal="left" vertical="center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1"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75"/>
  <sheetViews>
    <sheetView tabSelected="1" view="pageBreakPreview" zoomScaleNormal="150" zoomScaleSheetLayoutView="100" zoomScalePageLayoutView="115" workbookViewId="0">
      <selection sqref="A1:C2"/>
    </sheetView>
  </sheetViews>
  <sheetFormatPr defaultColWidth="9" defaultRowHeight="8.5" x14ac:dyDescent="0.2"/>
  <cols>
    <col min="1" max="1" width="1.6328125" style="3" customWidth="1"/>
    <col min="2" max="2" width="4.08984375" style="3" customWidth="1"/>
    <col min="3" max="3" width="14.6328125" style="3" customWidth="1"/>
    <col min="4" max="5" width="9.6328125" style="3" customWidth="1"/>
    <col min="6" max="9" width="1.6328125" style="3" customWidth="1"/>
    <col min="10" max="10" width="14.6328125" style="3" customWidth="1"/>
    <col min="11" max="11" width="9.6328125" style="3" customWidth="1"/>
    <col min="12" max="12" width="9" style="3" customWidth="1"/>
    <col min="13" max="16384" width="9" style="3"/>
  </cols>
  <sheetData>
    <row r="1" spans="1:11" ht="9.75" customHeight="1" x14ac:dyDescent="0.2">
      <c r="A1" s="46" t="s">
        <v>69</v>
      </c>
      <c r="B1" s="47"/>
      <c r="C1" s="48"/>
      <c r="D1" s="2" t="s">
        <v>14</v>
      </c>
      <c r="E1" s="12"/>
      <c r="F1" s="26" t="s">
        <v>68</v>
      </c>
      <c r="G1" s="27"/>
      <c r="H1" s="27"/>
      <c r="I1" s="27"/>
      <c r="J1" s="28"/>
      <c r="K1" s="9" t="s">
        <v>14</v>
      </c>
    </row>
    <row r="2" spans="1:11" ht="9.75" customHeight="1" x14ac:dyDescent="0.2">
      <c r="A2" s="49"/>
      <c r="B2" s="50"/>
      <c r="C2" s="51"/>
      <c r="D2" s="4" t="s">
        <v>13</v>
      </c>
      <c r="E2" s="12"/>
      <c r="F2" s="29"/>
      <c r="G2" s="30"/>
      <c r="H2" s="30"/>
      <c r="I2" s="30"/>
      <c r="J2" s="31"/>
      <c r="K2" s="10"/>
    </row>
    <row r="3" spans="1:11" x14ac:dyDescent="0.2">
      <c r="A3" s="52" t="s">
        <v>0</v>
      </c>
      <c r="B3" s="43"/>
      <c r="C3" s="41"/>
      <c r="D3" s="5" t="s">
        <v>80</v>
      </c>
      <c r="E3" s="12"/>
      <c r="F3" s="32" t="s">
        <v>18</v>
      </c>
      <c r="G3" s="35" t="s">
        <v>19</v>
      </c>
      <c r="H3" s="35"/>
      <c r="I3" s="35"/>
      <c r="J3" s="36"/>
      <c r="K3" s="6">
        <v>13522</v>
      </c>
    </row>
    <row r="4" spans="1:11" x14ac:dyDescent="0.2">
      <c r="A4" s="52" t="s">
        <v>1</v>
      </c>
      <c r="B4" s="43"/>
      <c r="C4" s="43"/>
      <c r="D4" s="6">
        <v>1247</v>
      </c>
      <c r="E4" s="12"/>
      <c r="F4" s="33"/>
      <c r="G4" s="20"/>
      <c r="H4" s="37" t="s">
        <v>20</v>
      </c>
      <c r="I4" s="38"/>
      <c r="J4" s="39"/>
      <c r="K4" s="6">
        <v>0</v>
      </c>
    </row>
    <row r="5" spans="1:11" x14ac:dyDescent="0.2">
      <c r="A5" s="52" t="s">
        <v>2</v>
      </c>
      <c r="B5" s="43"/>
      <c r="C5" s="41"/>
      <c r="D5" s="6">
        <v>45200</v>
      </c>
      <c r="E5" s="12"/>
      <c r="F5" s="33"/>
      <c r="G5" s="1"/>
      <c r="H5" s="21"/>
      <c r="I5" s="40" t="s">
        <v>21</v>
      </c>
      <c r="J5" s="41"/>
      <c r="K5" s="6">
        <v>0</v>
      </c>
    </row>
    <row r="6" spans="1:11" x14ac:dyDescent="0.2">
      <c r="A6" s="52" t="s">
        <v>3</v>
      </c>
      <c r="B6" s="43"/>
      <c r="C6" s="41"/>
      <c r="D6" s="6">
        <v>53287</v>
      </c>
      <c r="E6" s="12"/>
      <c r="F6" s="33"/>
      <c r="G6" s="1"/>
      <c r="H6" s="21"/>
      <c r="I6" s="42" t="s">
        <v>22</v>
      </c>
      <c r="J6" s="41"/>
      <c r="K6" s="6">
        <v>0</v>
      </c>
    </row>
    <row r="7" spans="1:11" x14ac:dyDescent="0.2">
      <c r="A7" s="52" t="s">
        <v>4</v>
      </c>
      <c r="B7" s="43"/>
      <c r="C7" s="41"/>
      <c r="D7" s="6">
        <v>16</v>
      </c>
      <c r="E7" s="12"/>
      <c r="F7" s="33"/>
      <c r="G7" s="1"/>
      <c r="H7" s="22"/>
      <c r="I7" s="42" t="s">
        <v>9</v>
      </c>
      <c r="J7" s="41"/>
      <c r="K7" s="6">
        <v>0</v>
      </c>
    </row>
    <row r="8" spans="1:11" x14ac:dyDescent="0.2">
      <c r="A8" s="52" t="s">
        <v>5</v>
      </c>
      <c r="B8" s="43"/>
      <c r="C8" s="41"/>
      <c r="D8" s="6">
        <v>114</v>
      </c>
      <c r="E8" s="12"/>
      <c r="F8" s="33"/>
      <c r="G8" s="1"/>
      <c r="H8" s="37" t="s">
        <v>23</v>
      </c>
      <c r="I8" s="38"/>
      <c r="J8" s="39"/>
      <c r="K8" s="6">
        <v>13522</v>
      </c>
    </row>
    <row r="9" spans="1:11" x14ac:dyDescent="0.2">
      <c r="A9" s="53" t="s">
        <v>6</v>
      </c>
      <c r="B9" s="38"/>
      <c r="C9" s="39"/>
      <c r="D9" s="6">
        <v>3834</v>
      </c>
      <c r="E9" s="12"/>
      <c r="F9" s="33"/>
      <c r="G9" s="1"/>
      <c r="H9" s="21"/>
      <c r="I9" s="42" t="s">
        <v>24</v>
      </c>
      <c r="J9" s="41"/>
      <c r="K9" s="6">
        <v>4400</v>
      </c>
    </row>
    <row r="10" spans="1:11" x14ac:dyDescent="0.2">
      <c r="A10" s="14"/>
      <c r="B10" s="42" t="s">
        <v>7</v>
      </c>
      <c r="C10" s="41"/>
      <c r="D10" s="6">
        <v>3834</v>
      </c>
      <c r="E10" s="12"/>
      <c r="F10" s="33"/>
      <c r="G10" s="1"/>
      <c r="H10" s="21" t="s">
        <v>66</v>
      </c>
      <c r="I10" s="42" t="s">
        <v>25</v>
      </c>
      <c r="J10" s="41"/>
      <c r="K10" s="6">
        <v>0</v>
      </c>
    </row>
    <row r="11" spans="1:11" x14ac:dyDescent="0.2">
      <c r="A11" s="15"/>
      <c r="B11" s="42" t="s">
        <v>8</v>
      </c>
      <c r="C11" s="41"/>
      <c r="D11" s="6">
        <v>0</v>
      </c>
      <c r="E11" s="12"/>
      <c r="F11" s="33"/>
      <c r="G11" s="1"/>
      <c r="H11" s="21"/>
      <c r="I11" s="42" t="s">
        <v>26</v>
      </c>
      <c r="J11" s="41"/>
      <c r="K11" s="6">
        <v>9122</v>
      </c>
    </row>
    <row r="12" spans="1:11" x14ac:dyDescent="0.2">
      <c r="A12" s="52" t="s">
        <v>71</v>
      </c>
      <c r="B12" s="43"/>
      <c r="C12" s="41"/>
      <c r="D12" s="6">
        <v>0</v>
      </c>
      <c r="E12" s="12"/>
      <c r="F12" s="33"/>
      <c r="G12" s="1"/>
      <c r="H12" s="21"/>
      <c r="I12" s="37" t="s">
        <v>9</v>
      </c>
      <c r="J12" s="39"/>
      <c r="K12" s="6">
        <v>0</v>
      </c>
    </row>
    <row r="13" spans="1:11" x14ac:dyDescent="0.2">
      <c r="A13" s="52" t="s">
        <v>72</v>
      </c>
      <c r="B13" s="43"/>
      <c r="C13" s="41"/>
      <c r="D13" s="6">
        <v>11971</v>
      </c>
      <c r="E13" s="12"/>
      <c r="F13" s="33"/>
      <c r="G13" s="38" t="s">
        <v>27</v>
      </c>
      <c r="H13" s="38"/>
      <c r="I13" s="38"/>
      <c r="J13" s="39"/>
      <c r="K13" s="6">
        <v>13571</v>
      </c>
    </row>
    <row r="14" spans="1:11" x14ac:dyDescent="0.2">
      <c r="A14" s="54" t="s">
        <v>76</v>
      </c>
      <c r="B14" s="55"/>
      <c r="C14" s="16" t="s">
        <v>77</v>
      </c>
      <c r="D14" s="6">
        <v>3122</v>
      </c>
      <c r="E14" s="12"/>
      <c r="F14" s="33"/>
      <c r="G14" s="20"/>
      <c r="H14" s="37" t="s">
        <v>28</v>
      </c>
      <c r="I14" s="38"/>
      <c r="J14" s="39"/>
      <c r="K14" s="6">
        <v>13571</v>
      </c>
    </row>
    <row r="15" spans="1:11" x14ac:dyDescent="0.2">
      <c r="A15" s="56"/>
      <c r="B15" s="57"/>
      <c r="C15" s="16" t="s">
        <v>78</v>
      </c>
      <c r="D15" s="6">
        <v>0</v>
      </c>
      <c r="E15" s="12"/>
      <c r="F15" s="33"/>
      <c r="G15" s="1"/>
      <c r="H15" s="21"/>
      <c r="I15" s="42" t="s">
        <v>15</v>
      </c>
      <c r="J15" s="41"/>
      <c r="K15" s="6">
        <v>0</v>
      </c>
    </row>
    <row r="16" spans="1:11" x14ac:dyDescent="0.2">
      <c r="A16" s="58"/>
      <c r="B16" s="59"/>
      <c r="C16" s="16"/>
      <c r="D16" s="6">
        <v>0</v>
      </c>
      <c r="E16" s="12"/>
      <c r="F16" s="33"/>
      <c r="G16" s="1"/>
      <c r="H16" s="21"/>
      <c r="I16" s="42" t="s">
        <v>17</v>
      </c>
      <c r="J16" s="41"/>
      <c r="K16" s="6">
        <v>0</v>
      </c>
    </row>
    <row r="17" spans="1:11" x14ac:dyDescent="0.2">
      <c r="A17" s="52"/>
      <c r="B17" s="43"/>
      <c r="C17" s="41"/>
      <c r="D17" s="6">
        <v>0</v>
      </c>
      <c r="E17" s="12"/>
      <c r="F17" s="33"/>
      <c r="G17" s="1"/>
      <c r="H17" s="22"/>
      <c r="I17" s="42" t="s">
        <v>9</v>
      </c>
      <c r="J17" s="41"/>
      <c r="K17" s="6">
        <v>13571</v>
      </c>
    </row>
    <row r="18" spans="1:11" x14ac:dyDescent="0.2">
      <c r="A18" s="53" t="s">
        <v>10</v>
      </c>
      <c r="B18" s="38"/>
      <c r="C18" s="39"/>
      <c r="D18" s="6">
        <v>2</v>
      </c>
      <c r="E18" s="12"/>
      <c r="F18" s="33"/>
      <c r="G18" s="1"/>
      <c r="H18" s="37" t="s">
        <v>29</v>
      </c>
      <c r="I18" s="38"/>
      <c r="J18" s="39"/>
      <c r="K18" s="6">
        <v>0</v>
      </c>
    </row>
    <row r="19" spans="1:11" x14ac:dyDescent="0.2">
      <c r="A19" s="14"/>
      <c r="B19" s="42" t="s">
        <v>11</v>
      </c>
      <c r="C19" s="41"/>
      <c r="D19" s="6">
        <v>1</v>
      </c>
      <c r="E19" s="12"/>
      <c r="F19" s="33"/>
      <c r="G19" s="1"/>
      <c r="H19" s="21"/>
      <c r="I19" s="37" t="s">
        <v>16</v>
      </c>
      <c r="J19" s="39"/>
      <c r="K19" s="6">
        <v>0</v>
      </c>
    </row>
    <row r="20" spans="1:11" x14ac:dyDescent="0.2">
      <c r="A20" s="17"/>
      <c r="B20" s="44" t="s">
        <v>12</v>
      </c>
      <c r="C20" s="45"/>
      <c r="D20" s="7">
        <v>1</v>
      </c>
      <c r="E20" s="12"/>
      <c r="F20" s="33"/>
      <c r="G20" s="1"/>
      <c r="H20" s="21"/>
      <c r="I20" s="21"/>
      <c r="J20" s="16" t="s">
        <v>30</v>
      </c>
      <c r="K20" s="6">
        <v>0</v>
      </c>
    </row>
    <row r="21" spans="1:11" x14ac:dyDescent="0.2">
      <c r="A21" s="1"/>
      <c r="B21" s="1"/>
      <c r="C21" s="1"/>
      <c r="D21" s="8"/>
      <c r="E21" s="12"/>
      <c r="F21" s="33"/>
      <c r="G21" s="1"/>
      <c r="H21" s="21"/>
      <c r="I21" s="22"/>
      <c r="J21" s="16" t="s">
        <v>65</v>
      </c>
      <c r="K21" s="6">
        <v>0</v>
      </c>
    </row>
    <row r="22" spans="1:11" x14ac:dyDescent="0.2">
      <c r="A22" s="1"/>
      <c r="B22" s="1"/>
      <c r="C22" s="1"/>
      <c r="D22" s="8"/>
      <c r="E22" s="12"/>
      <c r="F22" s="33"/>
      <c r="G22" s="23"/>
      <c r="H22" s="22"/>
      <c r="I22" s="42" t="s">
        <v>9</v>
      </c>
      <c r="J22" s="41"/>
      <c r="K22" s="6">
        <v>0</v>
      </c>
    </row>
    <row r="23" spans="1:11" x14ac:dyDescent="0.2">
      <c r="A23" s="1"/>
      <c r="B23" s="1"/>
      <c r="C23" s="1"/>
      <c r="D23" s="8"/>
      <c r="E23" s="12"/>
      <c r="F23" s="34"/>
      <c r="G23" s="42" t="s">
        <v>31</v>
      </c>
      <c r="H23" s="43"/>
      <c r="I23" s="43"/>
      <c r="J23" s="41"/>
      <c r="K23" s="6">
        <v>-49</v>
      </c>
    </row>
    <row r="24" spans="1:11" x14ac:dyDescent="0.2">
      <c r="A24" s="1"/>
      <c r="D24" s="18"/>
      <c r="E24" s="12"/>
      <c r="F24" s="63" t="s">
        <v>32</v>
      </c>
      <c r="G24" s="38" t="s">
        <v>33</v>
      </c>
      <c r="H24" s="38"/>
      <c r="I24" s="38"/>
      <c r="J24" s="39"/>
      <c r="K24" s="6">
        <v>0</v>
      </c>
    </row>
    <row r="25" spans="1:11" x14ac:dyDescent="0.2">
      <c r="A25" s="1"/>
      <c r="D25" s="19"/>
      <c r="E25" s="12"/>
      <c r="F25" s="33"/>
      <c r="G25" s="20"/>
      <c r="H25" s="37" t="s">
        <v>34</v>
      </c>
      <c r="I25" s="38"/>
      <c r="J25" s="39"/>
      <c r="K25" s="6">
        <v>0</v>
      </c>
    </row>
    <row r="26" spans="1:11" x14ac:dyDescent="0.2">
      <c r="A26" s="1"/>
      <c r="D26" s="18"/>
      <c r="E26" s="12"/>
      <c r="F26" s="33"/>
      <c r="G26" s="1"/>
      <c r="H26" s="42" t="s">
        <v>35</v>
      </c>
      <c r="I26" s="43"/>
      <c r="J26" s="41"/>
      <c r="K26" s="6">
        <v>0</v>
      </c>
    </row>
    <row r="27" spans="1:11" x14ac:dyDescent="0.2">
      <c r="E27" s="12"/>
      <c r="F27" s="33"/>
      <c r="G27" s="1"/>
      <c r="H27" s="42" t="s">
        <v>36</v>
      </c>
      <c r="I27" s="43"/>
      <c r="J27" s="41"/>
      <c r="K27" s="6">
        <v>0</v>
      </c>
    </row>
    <row r="28" spans="1:11" x14ac:dyDescent="0.2">
      <c r="E28" s="12"/>
      <c r="F28" s="33"/>
      <c r="G28" s="1"/>
      <c r="H28" s="42" t="s">
        <v>37</v>
      </c>
      <c r="I28" s="43"/>
      <c r="J28" s="41"/>
      <c r="K28" s="6">
        <v>0</v>
      </c>
    </row>
    <row r="29" spans="1:11" x14ac:dyDescent="0.2">
      <c r="E29" s="12"/>
      <c r="F29" s="33"/>
      <c r="G29" s="1"/>
      <c r="H29" s="42" t="s">
        <v>38</v>
      </c>
      <c r="I29" s="43"/>
      <c r="J29" s="41"/>
      <c r="K29" s="6">
        <v>0</v>
      </c>
    </row>
    <row r="30" spans="1:11" x14ac:dyDescent="0.2">
      <c r="E30" s="12"/>
      <c r="F30" s="33"/>
      <c r="G30" s="1"/>
      <c r="H30" s="42" t="s">
        <v>24</v>
      </c>
      <c r="I30" s="43"/>
      <c r="J30" s="41"/>
      <c r="K30" s="6">
        <v>0</v>
      </c>
    </row>
    <row r="31" spans="1:11" x14ac:dyDescent="0.2">
      <c r="E31" s="12"/>
      <c r="F31" s="33"/>
      <c r="G31" s="1"/>
      <c r="H31" s="42" t="s">
        <v>25</v>
      </c>
      <c r="I31" s="43"/>
      <c r="J31" s="41"/>
      <c r="K31" s="6">
        <v>0</v>
      </c>
    </row>
    <row r="32" spans="1:11" x14ac:dyDescent="0.2">
      <c r="E32" s="12"/>
      <c r="F32" s="33"/>
      <c r="G32" s="1"/>
      <c r="H32" s="42" t="s">
        <v>39</v>
      </c>
      <c r="I32" s="43"/>
      <c r="J32" s="41"/>
      <c r="K32" s="6">
        <v>0</v>
      </c>
    </row>
    <row r="33" spans="5:11" x14ac:dyDescent="0.2">
      <c r="E33" s="12"/>
      <c r="F33" s="33"/>
      <c r="G33" s="23"/>
      <c r="H33" s="42" t="s">
        <v>9</v>
      </c>
      <c r="I33" s="43"/>
      <c r="J33" s="41"/>
      <c r="K33" s="6">
        <v>0</v>
      </c>
    </row>
    <row r="34" spans="5:11" x14ac:dyDescent="0.2">
      <c r="E34" s="12"/>
      <c r="F34" s="33"/>
      <c r="G34" s="37" t="s">
        <v>40</v>
      </c>
      <c r="H34" s="38"/>
      <c r="I34" s="38"/>
      <c r="J34" s="39"/>
      <c r="K34" s="6">
        <v>0</v>
      </c>
    </row>
    <row r="35" spans="5:11" x14ac:dyDescent="0.2">
      <c r="E35" s="12"/>
      <c r="F35" s="33"/>
      <c r="G35" s="24"/>
      <c r="H35" s="37" t="s">
        <v>41</v>
      </c>
      <c r="I35" s="38"/>
      <c r="J35" s="39"/>
      <c r="K35" s="6">
        <v>0</v>
      </c>
    </row>
    <row r="36" spans="5:11" x14ac:dyDescent="0.2">
      <c r="E36" s="12"/>
      <c r="F36" s="33"/>
      <c r="G36" s="21"/>
      <c r="H36" s="21"/>
      <c r="I36" s="42" t="s">
        <v>15</v>
      </c>
      <c r="J36" s="41"/>
      <c r="K36" s="6">
        <v>0</v>
      </c>
    </row>
    <row r="37" spans="5:11" x14ac:dyDescent="0.2">
      <c r="E37" s="12"/>
      <c r="F37" s="33"/>
      <c r="G37" s="21"/>
      <c r="H37" s="22"/>
      <c r="I37" s="42" t="s">
        <v>42</v>
      </c>
      <c r="J37" s="41"/>
      <c r="K37" s="6">
        <v>0</v>
      </c>
    </row>
    <row r="38" spans="5:11" x14ac:dyDescent="0.2">
      <c r="E38" s="12"/>
      <c r="F38" s="33"/>
      <c r="G38" s="21"/>
      <c r="H38" s="37" t="s">
        <v>43</v>
      </c>
      <c r="I38" s="38"/>
      <c r="J38" s="39"/>
      <c r="K38" s="6">
        <v>0</v>
      </c>
    </row>
    <row r="39" spans="5:11" x14ac:dyDescent="0.2">
      <c r="E39" s="12"/>
      <c r="F39" s="33"/>
      <c r="G39" s="21"/>
      <c r="H39" s="42" t="s">
        <v>75</v>
      </c>
      <c r="I39" s="43"/>
      <c r="J39" s="41"/>
      <c r="K39" s="6">
        <v>0</v>
      </c>
    </row>
    <row r="40" spans="5:11" x14ac:dyDescent="0.2">
      <c r="E40" s="12"/>
      <c r="F40" s="33"/>
      <c r="G40" s="21"/>
      <c r="H40" s="42" t="s">
        <v>44</v>
      </c>
      <c r="I40" s="43"/>
      <c r="J40" s="41"/>
      <c r="K40" s="6">
        <v>0</v>
      </c>
    </row>
    <row r="41" spans="5:11" x14ac:dyDescent="0.2">
      <c r="E41" s="12"/>
      <c r="F41" s="33"/>
      <c r="G41" s="22"/>
      <c r="H41" s="42" t="s">
        <v>9</v>
      </c>
      <c r="I41" s="43"/>
      <c r="J41" s="41"/>
      <c r="K41" s="6">
        <v>0</v>
      </c>
    </row>
    <row r="42" spans="5:11" x14ac:dyDescent="0.2">
      <c r="E42" s="12"/>
      <c r="F42" s="34"/>
      <c r="G42" s="43" t="s">
        <v>45</v>
      </c>
      <c r="H42" s="43"/>
      <c r="I42" s="43"/>
      <c r="J42" s="41"/>
      <c r="K42" s="6">
        <v>0</v>
      </c>
    </row>
    <row r="43" spans="5:11" x14ac:dyDescent="0.2">
      <c r="E43" s="12"/>
      <c r="F43" s="52" t="s">
        <v>46</v>
      </c>
      <c r="G43" s="43"/>
      <c r="H43" s="43"/>
      <c r="I43" s="43"/>
      <c r="J43" s="41"/>
      <c r="K43" s="6">
        <v>-49</v>
      </c>
    </row>
    <row r="44" spans="5:11" x14ac:dyDescent="0.2">
      <c r="E44" s="12"/>
      <c r="F44" s="52" t="s">
        <v>47</v>
      </c>
      <c r="G44" s="43"/>
      <c r="H44" s="43"/>
      <c r="I44" s="43"/>
      <c r="J44" s="41"/>
      <c r="K44" s="6">
        <v>0</v>
      </c>
    </row>
    <row r="45" spans="5:11" x14ac:dyDescent="0.2">
      <c r="E45" s="12"/>
      <c r="F45" s="53" t="s">
        <v>48</v>
      </c>
      <c r="G45" s="38"/>
      <c r="H45" s="38"/>
      <c r="I45" s="38"/>
      <c r="J45" s="39"/>
      <c r="K45" s="6">
        <v>380</v>
      </c>
    </row>
    <row r="46" spans="5:11" ht="10.5" customHeight="1" x14ac:dyDescent="0.2">
      <c r="E46" s="12"/>
      <c r="F46" s="15"/>
      <c r="G46" s="64" t="s">
        <v>49</v>
      </c>
      <c r="H46" s="65"/>
      <c r="I46" s="65"/>
      <c r="J46" s="66"/>
      <c r="K46" s="6">
        <v>0</v>
      </c>
    </row>
    <row r="47" spans="5:11" x14ac:dyDescent="0.2">
      <c r="E47" s="12"/>
      <c r="F47" s="52" t="s">
        <v>50</v>
      </c>
      <c r="G47" s="43"/>
      <c r="H47" s="43"/>
      <c r="I47" s="43"/>
      <c r="J47" s="41"/>
      <c r="K47" s="6">
        <v>0</v>
      </c>
    </row>
    <row r="48" spans="5:11" x14ac:dyDescent="0.2">
      <c r="E48" s="12"/>
      <c r="F48" s="52" t="s">
        <v>51</v>
      </c>
      <c r="G48" s="65"/>
      <c r="H48" s="65"/>
      <c r="I48" s="65"/>
      <c r="J48" s="66"/>
      <c r="K48" s="6">
        <v>0</v>
      </c>
    </row>
    <row r="49" spans="5:11" x14ac:dyDescent="0.2">
      <c r="E49" s="12"/>
      <c r="F49" s="60" t="s">
        <v>52</v>
      </c>
      <c r="G49" s="67"/>
      <c r="H49" s="67"/>
      <c r="I49" s="67"/>
      <c r="J49" s="68"/>
      <c r="K49" s="6">
        <v>0</v>
      </c>
    </row>
    <row r="50" spans="5:11" x14ac:dyDescent="0.2">
      <c r="E50" s="12"/>
      <c r="F50" s="60" t="s">
        <v>53</v>
      </c>
      <c r="G50" s="61"/>
      <c r="H50" s="61"/>
      <c r="I50" s="61"/>
      <c r="J50" s="62"/>
      <c r="K50" s="6">
        <v>331</v>
      </c>
    </row>
    <row r="51" spans="5:11" x14ac:dyDescent="0.2">
      <c r="E51" s="12"/>
      <c r="F51" s="53" t="s">
        <v>54</v>
      </c>
      <c r="G51" s="38"/>
      <c r="H51" s="38"/>
      <c r="I51" s="38"/>
      <c r="J51" s="39"/>
      <c r="K51" s="6">
        <v>0</v>
      </c>
    </row>
    <row r="52" spans="5:11" x14ac:dyDescent="0.2">
      <c r="E52" s="12"/>
      <c r="F52" s="14"/>
      <c r="G52" s="42" t="s">
        <v>55</v>
      </c>
      <c r="H52" s="65"/>
      <c r="I52" s="65"/>
      <c r="J52" s="66"/>
      <c r="K52" s="6">
        <v>0</v>
      </c>
    </row>
    <row r="53" spans="5:11" x14ac:dyDescent="0.2">
      <c r="E53" s="12"/>
      <c r="F53" s="14"/>
      <c r="G53" s="42" t="s">
        <v>34</v>
      </c>
      <c r="H53" s="65"/>
      <c r="I53" s="65"/>
      <c r="J53" s="66"/>
      <c r="K53" s="6">
        <v>0</v>
      </c>
    </row>
    <row r="54" spans="5:11" x14ac:dyDescent="0.2">
      <c r="E54" s="12"/>
      <c r="F54" s="15"/>
      <c r="G54" s="42" t="s">
        <v>9</v>
      </c>
      <c r="H54" s="65"/>
      <c r="I54" s="65"/>
      <c r="J54" s="66"/>
      <c r="K54" s="6">
        <v>0</v>
      </c>
    </row>
    <row r="55" spans="5:11" x14ac:dyDescent="0.2">
      <c r="E55" s="12"/>
      <c r="F55" s="52" t="s">
        <v>56</v>
      </c>
      <c r="G55" s="43"/>
      <c r="H55" s="43"/>
      <c r="I55" s="43"/>
      <c r="J55" s="41"/>
      <c r="K55" s="6">
        <v>0</v>
      </c>
    </row>
    <row r="56" spans="5:11" x14ac:dyDescent="0.2">
      <c r="E56" s="12"/>
      <c r="F56" s="54" t="s">
        <v>57</v>
      </c>
      <c r="G56" s="69"/>
      <c r="H56" s="69"/>
      <c r="I56" s="55"/>
      <c r="J56" s="16" t="s">
        <v>58</v>
      </c>
      <c r="K56" s="6">
        <v>331</v>
      </c>
    </row>
    <row r="57" spans="5:11" x14ac:dyDescent="0.2">
      <c r="E57" s="12"/>
      <c r="F57" s="58"/>
      <c r="G57" s="70"/>
      <c r="H57" s="70"/>
      <c r="I57" s="59"/>
      <c r="J57" s="16" t="s">
        <v>79</v>
      </c>
      <c r="K57" s="13">
        <v>0</v>
      </c>
    </row>
    <row r="58" spans="5:11" x14ac:dyDescent="0.2">
      <c r="E58" s="12"/>
      <c r="F58" s="52" t="s">
        <v>70</v>
      </c>
      <c r="G58" s="65"/>
      <c r="H58" s="65"/>
      <c r="I58" s="65"/>
      <c r="J58" s="66"/>
      <c r="K58" s="6">
        <v>0</v>
      </c>
    </row>
    <row r="59" spans="5:11" x14ac:dyDescent="0.2">
      <c r="E59" s="12"/>
      <c r="F59" s="71" t="s">
        <v>59</v>
      </c>
      <c r="G59" s="72"/>
      <c r="H59" s="72" t="s">
        <v>34</v>
      </c>
      <c r="I59" s="75" t="s">
        <v>73</v>
      </c>
      <c r="J59" s="76"/>
      <c r="K59" s="11">
        <v>0</v>
      </c>
    </row>
    <row r="60" spans="5:11" x14ac:dyDescent="0.2">
      <c r="E60" s="12"/>
      <c r="F60" s="73"/>
      <c r="G60" s="74"/>
      <c r="H60" s="74"/>
      <c r="I60" s="77" t="s">
        <v>74</v>
      </c>
      <c r="J60" s="78"/>
      <c r="K60" s="11">
        <v>0</v>
      </c>
    </row>
    <row r="61" spans="5:11" x14ac:dyDescent="0.2">
      <c r="E61" s="12"/>
      <c r="F61" s="73"/>
      <c r="G61" s="74"/>
      <c r="H61" s="74"/>
      <c r="I61" s="77" t="s">
        <v>9</v>
      </c>
      <c r="J61" s="78"/>
      <c r="K61" s="11">
        <v>0</v>
      </c>
    </row>
    <row r="62" spans="5:11" x14ac:dyDescent="0.2">
      <c r="E62" s="12"/>
      <c r="F62" s="73"/>
      <c r="G62" s="74"/>
      <c r="H62" s="77" t="s">
        <v>24</v>
      </c>
      <c r="I62" s="77"/>
      <c r="J62" s="78"/>
      <c r="K62" s="11">
        <v>0</v>
      </c>
    </row>
    <row r="63" spans="5:11" x14ac:dyDescent="0.2">
      <c r="E63" s="12"/>
      <c r="F63" s="73"/>
      <c r="G63" s="74"/>
      <c r="H63" s="77" t="s">
        <v>25</v>
      </c>
      <c r="I63" s="77"/>
      <c r="J63" s="78"/>
      <c r="K63" s="11">
        <v>0</v>
      </c>
    </row>
    <row r="64" spans="5:11" x14ac:dyDescent="0.2">
      <c r="E64" s="12"/>
      <c r="F64" s="73"/>
      <c r="G64" s="74"/>
      <c r="H64" s="77" t="s">
        <v>39</v>
      </c>
      <c r="I64" s="77"/>
      <c r="J64" s="78"/>
      <c r="K64" s="11">
        <v>0</v>
      </c>
    </row>
    <row r="65" spans="5:11" x14ac:dyDescent="0.2">
      <c r="E65" s="12"/>
      <c r="F65" s="73"/>
      <c r="G65" s="74"/>
      <c r="H65" s="77" t="s">
        <v>26</v>
      </c>
      <c r="I65" s="77"/>
      <c r="J65" s="78"/>
      <c r="K65" s="11">
        <v>0</v>
      </c>
    </row>
    <row r="66" spans="5:11" x14ac:dyDescent="0.2">
      <c r="E66" s="12"/>
      <c r="F66" s="73"/>
      <c r="G66" s="74"/>
      <c r="H66" s="77" t="s">
        <v>9</v>
      </c>
      <c r="I66" s="77"/>
      <c r="J66" s="78"/>
      <c r="K66" s="11">
        <v>0</v>
      </c>
    </row>
    <row r="67" spans="5:11" x14ac:dyDescent="0.2">
      <c r="E67" s="12"/>
      <c r="F67" s="53" t="s">
        <v>67</v>
      </c>
      <c r="G67" s="38"/>
      <c r="H67" s="38"/>
      <c r="I67" s="38"/>
      <c r="J67" s="39"/>
      <c r="K67" s="6">
        <v>0</v>
      </c>
    </row>
    <row r="68" spans="5:11" x14ac:dyDescent="0.2">
      <c r="E68" s="12"/>
      <c r="F68" s="52" t="s">
        <v>60</v>
      </c>
      <c r="G68" s="43"/>
      <c r="H68" s="43"/>
      <c r="I68" s="43"/>
      <c r="J68" s="41"/>
      <c r="K68" s="6">
        <v>0</v>
      </c>
    </row>
    <row r="69" spans="5:11" x14ac:dyDescent="0.2">
      <c r="E69" s="12"/>
      <c r="F69" s="53" t="s">
        <v>26</v>
      </c>
      <c r="G69" s="38"/>
      <c r="H69" s="38"/>
      <c r="I69" s="38"/>
      <c r="J69" s="39"/>
      <c r="K69" s="6">
        <v>9122</v>
      </c>
    </row>
    <row r="70" spans="5:11" x14ac:dyDescent="0.2">
      <c r="E70" s="12"/>
      <c r="F70" s="14"/>
      <c r="G70" s="37" t="s">
        <v>61</v>
      </c>
      <c r="H70" s="38"/>
      <c r="I70" s="38"/>
      <c r="J70" s="39"/>
      <c r="K70" s="6">
        <v>9122</v>
      </c>
    </row>
    <row r="71" spans="5:11" x14ac:dyDescent="0.2">
      <c r="E71" s="12"/>
      <c r="F71" s="14"/>
      <c r="G71" s="21"/>
      <c r="H71" s="42" t="s">
        <v>62</v>
      </c>
      <c r="I71" s="43"/>
      <c r="J71" s="41"/>
      <c r="K71" s="6">
        <v>0</v>
      </c>
    </row>
    <row r="72" spans="5:11" x14ac:dyDescent="0.2">
      <c r="E72" s="12"/>
      <c r="F72" s="14"/>
      <c r="G72" s="22"/>
      <c r="H72" s="42" t="s">
        <v>63</v>
      </c>
      <c r="I72" s="43"/>
      <c r="J72" s="41"/>
      <c r="K72" s="6">
        <v>9122</v>
      </c>
    </row>
    <row r="73" spans="5:11" x14ac:dyDescent="0.2">
      <c r="E73" s="12"/>
      <c r="F73" s="14"/>
      <c r="G73" s="37" t="s">
        <v>64</v>
      </c>
      <c r="H73" s="38"/>
      <c r="I73" s="38"/>
      <c r="J73" s="39"/>
      <c r="K73" s="6">
        <v>0</v>
      </c>
    </row>
    <row r="74" spans="5:11" x14ac:dyDescent="0.2">
      <c r="E74" s="12"/>
      <c r="F74" s="14"/>
      <c r="G74" s="21"/>
      <c r="H74" s="42" t="s">
        <v>62</v>
      </c>
      <c r="I74" s="43"/>
      <c r="J74" s="41"/>
      <c r="K74" s="6">
        <v>0</v>
      </c>
    </row>
    <row r="75" spans="5:11" x14ac:dyDescent="0.2">
      <c r="E75" s="12"/>
      <c r="F75" s="17"/>
      <c r="G75" s="25"/>
      <c r="H75" s="44" t="s">
        <v>63</v>
      </c>
      <c r="I75" s="79"/>
      <c r="J75" s="45"/>
      <c r="K75" s="7">
        <v>0</v>
      </c>
    </row>
  </sheetData>
  <sheetProtection selectLockedCells="1" selectUnlockedCells="1"/>
  <mergeCells count="92">
    <mergeCell ref="G73:J73"/>
    <mergeCell ref="H74:J74"/>
    <mergeCell ref="H75:J75"/>
    <mergeCell ref="F67:J67"/>
    <mergeCell ref="F68:J68"/>
    <mergeCell ref="F69:J69"/>
    <mergeCell ref="G70:J70"/>
    <mergeCell ref="H71:J71"/>
    <mergeCell ref="H72:J72"/>
    <mergeCell ref="F51:J51"/>
    <mergeCell ref="G52:J52"/>
    <mergeCell ref="G53:J53"/>
    <mergeCell ref="G54:J54"/>
    <mergeCell ref="F55:J55"/>
    <mergeCell ref="F56:I57"/>
    <mergeCell ref="F58:J58"/>
    <mergeCell ref="F59:G66"/>
    <mergeCell ref="H59:H61"/>
    <mergeCell ref="I59:J59"/>
    <mergeCell ref="I60:J60"/>
    <mergeCell ref="I61:J61"/>
    <mergeCell ref="H62:J62"/>
    <mergeCell ref="H63:J63"/>
    <mergeCell ref="H64:J64"/>
    <mergeCell ref="H65:J65"/>
    <mergeCell ref="H66:J66"/>
    <mergeCell ref="F45:J45"/>
    <mergeCell ref="G46:J46"/>
    <mergeCell ref="F47:J47"/>
    <mergeCell ref="F48:J48"/>
    <mergeCell ref="F49:J49"/>
    <mergeCell ref="F50:J50"/>
    <mergeCell ref="H39:J39"/>
    <mergeCell ref="H40:J40"/>
    <mergeCell ref="H41:J41"/>
    <mergeCell ref="G42:J42"/>
    <mergeCell ref="F43:J43"/>
    <mergeCell ref="F44:J44"/>
    <mergeCell ref="F24:F42"/>
    <mergeCell ref="G24:J24"/>
    <mergeCell ref="H25:J25"/>
    <mergeCell ref="H26:J26"/>
    <mergeCell ref="H33:J33"/>
    <mergeCell ref="G34:J34"/>
    <mergeCell ref="H35:J35"/>
    <mergeCell ref="I36:J36"/>
    <mergeCell ref="I37:J37"/>
    <mergeCell ref="I22:J22"/>
    <mergeCell ref="H38:J38"/>
    <mergeCell ref="H27:J27"/>
    <mergeCell ref="H28:J28"/>
    <mergeCell ref="H29:J29"/>
    <mergeCell ref="H30:J30"/>
    <mergeCell ref="H31:J31"/>
    <mergeCell ref="H32:J32"/>
    <mergeCell ref="I16:J16"/>
    <mergeCell ref="I17:J17"/>
    <mergeCell ref="H18:J18"/>
    <mergeCell ref="I19:J19"/>
    <mergeCell ref="B19:C19"/>
    <mergeCell ref="B20:C20"/>
    <mergeCell ref="A1:C2"/>
    <mergeCell ref="A12:C12"/>
    <mergeCell ref="A3:C3"/>
    <mergeCell ref="A4:C4"/>
    <mergeCell ref="A5:C5"/>
    <mergeCell ref="A6:C6"/>
    <mergeCell ref="A7:C7"/>
    <mergeCell ref="A8:C8"/>
    <mergeCell ref="A9:C9"/>
    <mergeCell ref="B11:C11"/>
    <mergeCell ref="B10:C10"/>
    <mergeCell ref="A13:C13"/>
    <mergeCell ref="A14:B16"/>
    <mergeCell ref="A17:C17"/>
    <mergeCell ref="A18:C18"/>
    <mergeCell ref="F1:J2"/>
    <mergeCell ref="F3:F23"/>
    <mergeCell ref="G3:J3"/>
    <mergeCell ref="H4:J4"/>
    <mergeCell ref="I5:J5"/>
    <mergeCell ref="I6:J6"/>
    <mergeCell ref="I7:J7"/>
    <mergeCell ref="H8:J8"/>
    <mergeCell ref="I9:J9"/>
    <mergeCell ref="G23:J23"/>
    <mergeCell ref="I10:J10"/>
    <mergeCell ref="I11:J11"/>
    <mergeCell ref="I12:J12"/>
    <mergeCell ref="G13:J13"/>
    <mergeCell ref="H14:J14"/>
    <mergeCell ref="I15:J15"/>
  </mergeCells>
  <phoneticPr fontId="1"/>
  <conditionalFormatting sqref="D3:D20 K3:K75">
    <cfRule type="cellIs" dxfId="0" priority="6" stopIfTrue="1" operator="equal">
      <formula>0</formula>
    </cfRule>
  </conditionalFormatting>
  <pageMargins left="0.78740157480314965" right="0.78740157480314965" top="1.5354330708661419" bottom="0.78740157480314965" header="0.51181102362204722" footer="0.51181102362204722"/>
  <pageSetup paperSize="9" firstPageNumber="271" orientation="portrait" useFirstPageNumber="1" r:id="rId1"/>
  <headerFooter scaleWithDoc="0">
    <oddHeader>&amp;L&amp;"ＭＳ ゴシック,標準"&amp;12Ⅳ　令和６年度地方公営企業事業別決算状況
　１０　休養宿泊事業
　　（２）法非適用事業
&amp;A&amp;C&amp;"ＭＳ ゴシック,標準"&amp;12
　　 イ　決算状況</oddHeader>
    <oddFooter>&amp;C&amp;"ＭＳ ゴシック,標準"&amp;9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ア　施設及び業務の概況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18-09-11T02:08:32Z</cp:lastPrinted>
  <dcterms:created xsi:type="dcterms:W3CDTF">2009-09-30T09:35:05Z</dcterms:created>
  <dcterms:modified xsi:type="dcterms:W3CDTF">2026-02-05T08:40:12Z</dcterms:modified>
</cp:coreProperties>
</file>